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4" uniqueCount="338">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産婦人科江木医院</t>
    <phoneticPr fontId="3"/>
  </si>
  <si>
    <t>〒697-0041 島根県浜田市片庭町６４</t>
    <phoneticPr fontId="3"/>
  </si>
  <si>
    <t>〇</t>
  </si>
  <si>
    <t>個人</t>
  </si>
  <si>
    <t>産婦人科</t>
  </si>
  <si>
    <t>無</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t="s">
        <v>334</v>
      </c>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t="s">
        <v>334</v>
      </c>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c r="M159" s="167">
        <v>0</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334</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1"/>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4:41Z</cp:lastPrinted>
  <dcterms:created xsi:type="dcterms:W3CDTF">2019-03-05T11:12:49Z</dcterms:created>
  <dcterms:modified xsi:type="dcterms:W3CDTF">2021-05-24T00:34:44Z</dcterms:modified>
</cp:coreProperties>
</file>